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9400\common\R4参議\I.大塚\03    期日前中間投票集計\2回目\⑤ＨＰ\"/>
    </mc:Choice>
  </mc:AlternateContent>
  <bookViews>
    <workbookView xWindow="0" yWindow="0" windowWidth="23040" windowHeight="8208"/>
  </bookViews>
  <sheets>
    <sheet name="Ｒ4.7.3現在" sheetId="1" r:id="rId1"/>
  </sheets>
  <definedNames>
    <definedName name="_xlnm.Print_Area" localSheetId="0">'Ｒ4.7.3現在'!$A$1:$K$7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2" uniqueCount="82">
  <si>
    <t>令和４年執行参議院神奈川県選出議員選挙における期日前投票の状況</t>
    <rPh sb="0" eb="2">
      <t>レイワ</t>
    </rPh>
    <rPh sb="3" eb="4">
      <t>ネン</t>
    </rPh>
    <rPh sb="4" eb="6">
      <t>シッコウ</t>
    </rPh>
    <rPh sb="6" eb="9">
      <t>サンギイン</t>
    </rPh>
    <rPh sb="9" eb="12">
      <t>カナガワ</t>
    </rPh>
    <rPh sb="12" eb="13">
      <t>ケン</t>
    </rPh>
    <rPh sb="13" eb="15">
      <t>センシュツ</t>
    </rPh>
    <rPh sb="15" eb="17">
      <t>ギイン</t>
    </rPh>
    <rPh sb="17" eb="19">
      <t>センキョ</t>
    </rPh>
    <rPh sb="23" eb="25">
      <t>キジツ</t>
    </rPh>
    <rPh sb="25" eb="26">
      <t>ゼン</t>
    </rPh>
    <rPh sb="26" eb="28">
      <t>トウヒョウ</t>
    </rPh>
    <rPh sb="29" eb="31">
      <t>ジョウキョウ</t>
    </rPh>
    <phoneticPr fontId="3"/>
  </si>
  <si>
    <t>（令和４年７月３日現在）</t>
    <rPh sb="1" eb="3">
      <t>レイワ</t>
    </rPh>
    <rPh sb="4" eb="5">
      <t>ネン</t>
    </rPh>
    <rPh sb="5" eb="6">
      <t>ヘイネン</t>
    </rPh>
    <rPh sb="6" eb="7">
      <t>ガツ</t>
    </rPh>
    <rPh sb="8" eb="9">
      <t>ニチ</t>
    </rPh>
    <rPh sb="9" eb="11">
      <t>ゲンザイ</t>
    </rPh>
    <phoneticPr fontId="3"/>
  </si>
  <si>
    <t>市　区　町　村　名</t>
    <rPh sb="0" eb="1">
      <t>シ</t>
    </rPh>
    <rPh sb="2" eb="3">
      <t>ク</t>
    </rPh>
    <rPh sb="4" eb="5">
      <t>マチ</t>
    </rPh>
    <rPh sb="6" eb="7">
      <t>ムラ</t>
    </rPh>
    <rPh sb="8" eb="9">
      <t>メイ</t>
    </rPh>
    <phoneticPr fontId="3"/>
  </si>
  <si>
    <t>投票者数(国内)</t>
    <rPh sb="0" eb="2">
      <t>トウヒョウ</t>
    </rPh>
    <rPh sb="2" eb="3">
      <t>モノ</t>
    </rPh>
    <rPh sb="3" eb="4">
      <t>スウ</t>
    </rPh>
    <rPh sb="5" eb="7">
      <t>コクナイ</t>
    </rPh>
    <phoneticPr fontId="3"/>
  </si>
  <si>
    <t>投票者数(在外)</t>
    <rPh sb="0" eb="3">
      <t>トウヒョウシャ</t>
    </rPh>
    <rPh sb="3" eb="4">
      <t>スウ</t>
    </rPh>
    <rPh sb="5" eb="7">
      <t>ザイガイ</t>
    </rPh>
    <phoneticPr fontId="3"/>
  </si>
  <si>
    <t>投票者数(合計) (Ａ)</t>
    <rPh sb="0" eb="3">
      <t>トウヒョウシャ</t>
    </rPh>
    <rPh sb="3" eb="4">
      <t>スウ</t>
    </rPh>
    <rPh sb="5" eb="7">
      <t>ゴウケイ</t>
    </rPh>
    <phoneticPr fontId="3"/>
  </si>
  <si>
    <t>前回参議（Ｂ）</t>
    <rPh sb="0" eb="2">
      <t>ゼンカイ</t>
    </rPh>
    <rPh sb="2" eb="4">
      <t>サンギ</t>
    </rPh>
    <phoneticPr fontId="3"/>
  </si>
  <si>
    <t>増減（Ａ－Ｂ）</t>
    <rPh sb="0" eb="2">
      <t>ゾウゲン</t>
    </rPh>
    <phoneticPr fontId="3"/>
  </si>
  <si>
    <t>比較（Ａ／Ｂ）</t>
    <rPh sb="0" eb="2">
      <t>ヒカク</t>
    </rPh>
    <phoneticPr fontId="3"/>
  </si>
  <si>
    <t>横浜市</t>
  </si>
  <si>
    <t>鶴　見　区</t>
  </si>
  <si>
    <t>神奈川区</t>
  </si>
  <si>
    <t>西　　　区</t>
  </si>
  <si>
    <t>中　　　区</t>
  </si>
  <si>
    <t>南　　　区</t>
  </si>
  <si>
    <t>港　南　区</t>
  </si>
  <si>
    <t>保土ケ谷区</t>
    <phoneticPr fontId="3"/>
  </si>
  <si>
    <t>旭　　　区</t>
  </si>
  <si>
    <t>磯　子　区</t>
  </si>
  <si>
    <t>金　沢　区</t>
  </si>
  <si>
    <t>港　北　区</t>
  </si>
  <si>
    <t>緑　　　区</t>
  </si>
  <si>
    <t>青　葉　区</t>
  </si>
  <si>
    <t>都　筑　区</t>
  </si>
  <si>
    <t>戸　塚　区</t>
  </si>
  <si>
    <t>栄　　　区</t>
  </si>
  <si>
    <t>泉　　　区</t>
  </si>
  <si>
    <t>瀬　谷　区</t>
  </si>
  <si>
    <t>川崎市</t>
  </si>
  <si>
    <t>川　崎　区</t>
  </si>
  <si>
    <t>幸　　　区</t>
  </si>
  <si>
    <t>中　原　区</t>
  </si>
  <si>
    <t>高　津　区</t>
  </si>
  <si>
    <t>宮　前　区</t>
  </si>
  <si>
    <t>多　摩　区</t>
  </si>
  <si>
    <t>麻　生　区</t>
  </si>
  <si>
    <t>相模原市</t>
    <rPh sb="0" eb="3">
      <t>サガミハラ</t>
    </rPh>
    <phoneticPr fontId="3"/>
  </si>
  <si>
    <t>緑　区</t>
    <rPh sb="0" eb="1">
      <t>ミドリ</t>
    </rPh>
    <phoneticPr fontId="3"/>
  </si>
  <si>
    <t>中　央　区</t>
    <rPh sb="0" eb="1">
      <t>チュウ</t>
    </rPh>
    <rPh sb="2" eb="3">
      <t>ヒサシ</t>
    </rPh>
    <phoneticPr fontId="3"/>
  </si>
  <si>
    <t>南　区</t>
    <rPh sb="0" eb="1">
      <t>ミナミ</t>
    </rPh>
    <phoneticPr fontId="3"/>
  </si>
  <si>
    <t>横須賀市</t>
  </si>
  <si>
    <t>平塚市</t>
  </si>
  <si>
    <t>鎌倉市</t>
  </si>
  <si>
    <t>藤沢市</t>
  </si>
  <si>
    <t>小田原市</t>
  </si>
  <si>
    <t>茅ヶ崎市</t>
    <phoneticPr fontId="3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葉山町</t>
    <phoneticPr fontId="3"/>
  </si>
  <si>
    <t>高座郡寒川町</t>
    <phoneticPr fontId="3"/>
  </si>
  <si>
    <t>中郡</t>
  </si>
  <si>
    <t>大　磯　町</t>
  </si>
  <si>
    <t>二　宮　町</t>
  </si>
  <si>
    <t>足柄上郡</t>
  </si>
  <si>
    <t>中　井　町</t>
  </si>
  <si>
    <t>大　井　町</t>
  </si>
  <si>
    <t>松　田　町</t>
  </si>
  <si>
    <t>山　北　町</t>
  </si>
  <si>
    <t>開　成　町</t>
  </si>
  <si>
    <t>足柄下郡</t>
  </si>
  <si>
    <t>箱　根　町</t>
  </si>
  <si>
    <t>真　鶴　町</t>
  </si>
  <si>
    <t>湯河原町</t>
  </si>
  <si>
    <t>愛甲郡</t>
  </si>
  <si>
    <t>愛　川　町</t>
  </si>
  <si>
    <t>清　川　村</t>
  </si>
  <si>
    <t>市部計</t>
  </si>
  <si>
    <t>郡部計</t>
  </si>
  <si>
    <t>県計</t>
  </si>
  <si>
    <t>(注）</t>
    <rPh sb="1" eb="2">
      <t>チュウ</t>
    </rPh>
    <phoneticPr fontId="3"/>
  </si>
  <si>
    <t>１　「投票者数（合計）（Ａ）」及び「前回参議（Ｂ）」は、同時期（投票日７日前）の投票者数であるが、</t>
    <rPh sb="3" eb="5">
      <t>トウヒョウ</t>
    </rPh>
    <rPh sb="5" eb="6">
      <t>シャ</t>
    </rPh>
    <rPh sb="6" eb="7">
      <t>スウ</t>
    </rPh>
    <rPh sb="8" eb="10">
      <t>ゴウケイ</t>
    </rPh>
    <rPh sb="15" eb="16">
      <t>オヨ</t>
    </rPh>
    <rPh sb="18" eb="20">
      <t>ゼンカイ</t>
    </rPh>
    <rPh sb="20" eb="22">
      <t>サンギ</t>
    </rPh>
    <rPh sb="28" eb="31">
      <t>ドウジキ</t>
    </rPh>
    <rPh sb="32" eb="34">
      <t>トウヒョウ</t>
    </rPh>
    <rPh sb="34" eb="35">
      <t>ビ</t>
    </rPh>
    <rPh sb="36" eb="37">
      <t>ニチ</t>
    </rPh>
    <rPh sb="37" eb="38">
      <t>マエ</t>
    </rPh>
    <rPh sb="40" eb="42">
      <t>トウヒョウ</t>
    </rPh>
    <rPh sb="42" eb="43">
      <t>シャ</t>
    </rPh>
    <rPh sb="43" eb="44">
      <t>スウ</t>
    </rPh>
    <phoneticPr fontId="3"/>
  </si>
  <si>
    <t>　「投票者数（合計）（Ａ）」は公示日翌日から11日間、「前回参議（Ｂ）」は公示日翌日から10日間の投票者数である。</t>
    <phoneticPr fontId="3"/>
  </si>
  <si>
    <t>２　比較（Ａ／Ｂ）の数値は、小数点以下第３位を四捨五入したもの。</t>
    <phoneticPr fontId="3"/>
  </si>
  <si>
    <t>３　前回（令和元年）の最終期日前投票者数 1,090,056人、当日投票者数等も含めた全体の投票率　48.73％</t>
    <rPh sb="2" eb="4">
      <t>ゼンカイ</t>
    </rPh>
    <rPh sb="5" eb="7">
      <t>レイワ</t>
    </rPh>
    <rPh sb="7" eb="8">
      <t>ガン</t>
    </rPh>
    <rPh sb="8" eb="9">
      <t>ネン</t>
    </rPh>
    <rPh sb="32" eb="34">
      <t>トウジツ</t>
    </rPh>
    <rPh sb="34" eb="36">
      <t>トウヒョウ</t>
    </rPh>
    <rPh sb="36" eb="37">
      <t>シャ</t>
    </rPh>
    <rPh sb="37" eb="38">
      <t>スウ</t>
    </rPh>
    <rPh sb="38" eb="39">
      <t>トウ</t>
    </rPh>
    <rPh sb="40" eb="41">
      <t>フ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5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double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ouble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3">
    <xf numFmtId="0" fontId="0" fillId="0" borderId="0" xfId="0"/>
    <xf numFmtId="0" fontId="0" fillId="0" borderId="0" xfId="0" applyFill="1"/>
    <xf numFmtId="0" fontId="0" fillId="0" borderId="0" xfId="0" applyFill="1" applyBorder="1" applyAlignment="1">
      <alignment horizontal="right"/>
    </xf>
    <xf numFmtId="0" fontId="0" fillId="0" borderId="1" xfId="0" quotePrefix="1" applyFill="1" applyBorder="1" applyAlignment="1">
      <alignment horizontal="right"/>
    </xf>
    <xf numFmtId="0" fontId="0" fillId="0" borderId="0" xfId="0" quotePrefix="1" applyFill="1" applyBorder="1" applyAlignment="1">
      <alignment horizontal="right"/>
    </xf>
    <xf numFmtId="0" fontId="0" fillId="0" borderId="2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3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Alignment="1">
      <alignment vertical="center"/>
    </xf>
    <xf numFmtId="0" fontId="0" fillId="0" borderId="8" xfId="0" applyFill="1" applyBorder="1"/>
    <xf numFmtId="176" fontId="4" fillId="0" borderId="10" xfId="0" applyNumberFormat="1" applyFont="1" applyFill="1" applyBorder="1" applyAlignment="1">
      <alignment horizontal="distributed" vertical="center"/>
    </xf>
    <xf numFmtId="38" fontId="1" fillId="0" borderId="9" xfId="1" applyFont="1" applyFill="1" applyBorder="1"/>
    <xf numFmtId="38" fontId="1" fillId="0" borderId="11" xfId="1" applyFont="1" applyFill="1" applyBorder="1"/>
    <xf numFmtId="38" fontId="1" fillId="0" borderId="12" xfId="1" applyBorder="1"/>
    <xf numFmtId="2" fontId="0" fillId="0" borderId="13" xfId="0" applyNumberFormat="1" applyFill="1" applyBorder="1"/>
    <xf numFmtId="0" fontId="0" fillId="0" borderId="14" xfId="0" applyFill="1" applyBorder="1"/>
    <xf numFmtId="176" fontId="4" fillId="0" borderId="15" xfId="0" applyNumberFormat="1" applyFont="1" applyFill="1" applyBorder="1" applyAlignment="1">
      <alignment vertical="center"/>
    </xf>
    <xf numFmtId="176" fontId="4" fillId="0" borderId="15" xfId="0" quotePrefix="1" applyNumberFormat="1" applyFont="1" applyFill="1" applyBorder="1" applyAlignment="1">
      <alignment horizontal="distributed" vertical="center"/>
    </xf>
    <xf numFmtId="176" fontId="4" fillId="0" borderId="16" xfId="0" quotePrefix="1" applyNumberFormat="1" applyFont="1" applyFill="1" applyBorder="1" applyAlignment="1">
      <alignment horizontal="distributed" vertical="center"/>
    </xf>
    <xf numFmtId="38" fontId="1" fillId="0" borderId="15" xfId="1" applyFont="1" applyFill="1" applyBorder="1"/>
    <xf numFmtId="38" fontId="1" fillId="0" borderId="17" xfId="1" applyFont="1" applyFill="1" applyBorder="1"/>
    <xf numFmtId="3" fontId="1" fillId="0" borderId="18" xfId="1" applyNumberFormat="1" applyFont="1" applyFill="1" applyBorder="1" applyAlignment="1">
      <alignment horizontal="right"/>
    </xf>
    <xf numFmtId="38" fontId="1" fillId="0" borderId="0" xfId="1" applyFont="1" applyFill="1" applyBorder="1"/>
    <xf numFmtId="3" fontId="1" fillId="0" borderId="11" xfId="1" applyNumberFormat="1" applyFont="1" applyFill="1" applyBorder="1"/>
    <xf numFmtId="176" fontId="5" fillId="0" borderId="15" xfId="0" applyNumberFormat="1" applyFont="1" applyFill="1" applyBorder="1" applyAlignment="1">
      <alignment horizontal="distributed" vertical="center"/>
    </xf>
    <xf numFmtId="176" fontId="4" fillId="0" borderId="16" xfId="0" applyNumberFormat="1" applyFont="1" applyFill="1" applyBorder="1" applyAlignment="1">
      <alignment horizontal="distributed" vertical="center"/>
    </xf>
    <xf numFmtId="38" fontId="1" fillId="0" borderId="15" xfId="1" applyFont="1" applyFill="1" applyBorder="1" applyAlignment="1">
      <alignment horizontal="right"/>
    </xf>
    <xf numFmtId="38" fontId="1" fillId="0" borderId="17" xfId="1" applyFont="1" applyFill="1" applyBorder="1" applyAlignment="1">
      <alignment horizontal="right"/>
    </xf>
    <xf numFmtId="38" fontId="1" fillId="0" borderId="19" xfId="1" applyBorder="1"/>
    <xf numFmtId="0" fontId="0" fillId="0" borderId="14" xfId="0" applyBorder="1"/>
    <xf numFmtId="38" fontId="1" fillId="0" borderId="18" xfId="1" applyFont="1" applyFill="1" applyBorder="1"/>
    <xf numFmtId="2" fontId="0" fillId="0" borderId="20" xfId="0" applyNumberFormat="1" applyFill="1" applyBorder="1"/>
    <xf numFmtId="3" fontId="1" fillId="0" borderId="19" xfId="1" applyNumberFormat="1" applyFont="1" applyFill="1" applyBorder="1" applyAlignment="1">
      <alignment horizontal="right"/>
    </xf>
    <xf numFmtId="3" fontId="1" fillId="0" borderId="17" xfId="1" applyNumberFormat="1" applyFont="1" applyFill="1" applyBorder="1" applyAlignment="1">
      <alignment horizontal="right"/>
    </xf>
    <xf numFmtId="0" fontId="0" fillId="0" borderId="21" xfId="0" applyFill="1" applyBorder="1"/>
    <xf numFmtId="176" fontId="4" fillId="0" borderId="23" xfId="0" applyNumberFormat="1" applyFont="1" applyFill="1" applyBorder="1" applyAlignment="1">
      <alignment horizontal="distributed" vertical="center"/>
    </xf>
    <xf numFmtId="38" fontId="1" fillId="0" borderId="22" xfId="1" applyFont="1" applyFill="1" applyBorder="1"/>
    <xf numFmtId="38" fontId="1" fillId="0" borderId="24" xfId="1" applyFont="1" applyFill="1" applyBorder="1"/>
    <xf numFmtId="38" fontId="1" fillId="0" borderId="25" xfId="1" applyFont="1" applyFill="1" applyBorder="1"/>
    <xf numFmtId="3" fontId="1" fillId="0" borderId="26" xfId="1" applyNumberFormat="1" applyFont="1" applyFill="1" applyBorder="1"/>
    <xf numFmtId="2" fontId="0" fillId="0" borderId="27" xfId="0" applyNumberFormat="1" applyFill="1" applyBorder="1"/>
    <xf numFmtId="0" fontId="0" fillId="0" borderId="8" xfId="0" applyBorder="1"/>
    <xf numFmtId="38" fontId="1" fillId="0" borderId="28" xfId="1" applyFont="1" applyFill="1" applyBorder="1"/>
    <xf numFmtId="38" fontId="1" fillId="0" borderId="29" xfId="1" applyFont="1" applyFill="1" applyBorder="1"/>
    <xf numFmtId="38" fontId="1" fillId="0" borderId="30" xfId="1" applyFont="1" applyFill="1" applyBorder="1"/>
    <xf numFmtId="38" fontId="1" fillId="0" borderId="31" xfId="1" applyFont="1" applyFill="1" applyBorder="1"/>
    <xf numFmtId="2" fontId="0" fillId="0" borderId="32" xfId="0" applyNumberFormat="1" applyFill="1" applyBorder="1"/>
    <xf numFmtId="38" fontId="1" fillId="0" borderId="14" xfId="1" applyFont="1" applyFill="1" applyBorder="1"/>
    <xf numFmtId="176" fontId="4" fillId="0" borderId="22" xfId="0" applyNumberFormat="1" applyFont="1" applyFill="1" applyBorder="1" applyAlignment="1">
      <alignment vertical="center"/>
    </xf>
    <xf numFmtId="176" fontId="4" fillId="0" borderId="22" xfId="0" quotePrefix="1" applyNumberFormat="1" applyFont="1" applyFill="1" applyBorder="1" applyAlignment="1">
      <alignment horizontal="distributed" vertical="center"/>
    </xf>
    <xf numFmtId="176" fontId="4" fillId="0" borderId="23" xfId="0" quotePrefix="1" applyNumberFormat="1" applyFont="1" applyFill="1" applyBorder="1" applyAlignment="1">
      <alignment horizontal="distributed" vertical="center"/>
    </xf>
    <xf numFmtId="38" fontId="1" fillId="0" borderId="21" xfId="1" applyFont="1" applyFill="1" applyBorder="1"/>
    <xf numFmtId="2" fontId="0" fillId="0" borderId="33" xfId="0" applyNumberFormat="1" applyFill="1" applyBorder="1"/>
    <xf numFmtId="176" fontId="4" fillId="0" borderId="10" xfId="0" quotePrefix="1" applyNumberFormat="1" applyFont="1" applyFill="1" applyBorder="1" applyAlignment="1">
      <alignment horizontal="distributed" vertical="center"/>
    </xf>
    <xf numFmtId="38" fontId="1" fillId="0" borderId="29" xfId="1" applyBorder="1"/>
    <xf numFmtId="38" fontId="1" fillId="0" borderId="34" xfId="1" applyFont="1" applyFill="1" applyBorder="1"/>
    <xf numFmtId="38" fontId="1" fillId="0" borderId="35" xfId="1" applyBorder="1"/>
    <xf numFmtId="38" fontId="1" fillId="0" borderId="36" xfId="1" applyFont="1" applyFill="1" applyBorder="1"/>
    <xf numFmtId="38" fontId="1" fillId="0" borderId="15" xfId="1" applyFont="1" applyBorder="1"/>
    <xf numFmtId="0" fontId="0" fillId="0" borderId="37" xfId="0" applyFill="1" applyBorder="1"/>
    <xf numFmtId="176" fontId="4" fillId="0" borderId="39" xfId="0" applyNumberFormat="1" applyFont="1" applyFill="1" applyBorder="1" applyAlignment="1">
      <alignment horizontal="distributed" vertical="top"/>
    </xf>
    <xf numFmtId="38" fontId="1" fillId="0" borderId="38" xfId="1" applyFont="1" applyFill="1" applyBorder="1"/>
    <xf numFmtId="38" fontId="1" fillId="0" borderId="40" xfId="1" applyFont="1" applyFill="1" applyBorder="1"/>
    <xf numFmtId="38" fontId="1" fillId="0" borderId="41" xfId="1" applyFont="1" applyFill="1" applyBorder="1"/>
    <xf numFmtId="38" fontId="1" fillId="0" borderId="42" xfId="1" applyBorder="1"/>
    <xf numFmtId="38" fontId="1" fillId="0" borderId="43" xfId="1" applyFont="1" applyFill="1" applyBorder="1"/>
    <xf numFmtId="2" fontId="0" fillId="0" borderId="44" xfId="0" applyNumberFormat="1" applyFill="1" applyBorder="1"/>
    <xf numFmtId="0" fontId="0" fillId="0" borderId="0" xfId="0" applyAlignment="1">
      <alignment horizontal="center"/>
    </xf>
    <xf numFmtId="0" fontId="6" fillId="0" borderId="0" xfId="0" applyFont="1"/>
    <xf numFmtId="0" fontId="0" fillId="0" borderId="0" xfId="0" applyBorder="1"/>
    <xf numFmtId="0" fontId="0" fillId="0" borderId="0" xfId="0" applyBorder="1" applyAlignment="1">
      <alignment horizontal="center"/>
    </xf>
    <xf numFmtId="176" fontId="4" fillId="0" borderId="15" xfId="0" applyNumberFormat="1" applyFont="1" applyFill="1" applyBorder="1" applyAlignment="1">
      <alignment horizontal="distributed" vertical="center"/>
    </xf>
    <xf numFmtId="176" fontId="4" fillId="0" borderId="9" xfId="0" quotePrefix="1" applyNumberFormat="1" applyFont="1" applyFill="1" applyBorder="1" applyAlignment="1">
      <alignment horizontal="distributed" vertical="center"/>
    </xf>
    <xf numFmtId="176" fontId="4" fillId="0" borderId="15" xfId="0" quotePrefix="1" applyNumberFormat="1" applyFont="1" applyFill="1" applyBorder="1" applyAlignment="1">
      <alignment horizontal="distributed" vertical="center"/>
    </xf>
    <xf numFmtId="176" fontId="4" fillId="0" borderId="38" xfId="0" applyNumberFormat="1" applyFont="1" applyFill="1" applyBorder="1" applyAlignment="1">
      <alignment horizontal="distributed" vertical="top"/>
    </xf>
    <xf numFmtId="176" fontId="4" fillId="0" borderId="22" xfId="0" applyNumberFormat="1" applyFont="1" applyFill="1" applyBorder="1" applyAlignment="1">
      <alignment horizontal="distributed" vertical="center"/>
    </xf>
    <xf numFmtId="176" fontId="4" fillId="0" borderId="9" xfId="0" applyNumberFormat="1" applyFont="1" applyFill="1" applyBorder="1" applyAlignment="1">
      <alignment horizontal="distributed" vertical="center"/>
    </xf>
    <xf numFmtId="0" fontId="2" fillId="0" borderId="0" xfId="0" applyFont="1" applyAlignment="1">
      <alignment horizontal="center"/>
    </xf>
    <xf numFmtId="0" fontId="0" fillId="0" borderId="3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5"/>
  <sheetViews>
    <sheetView tabSelected="1" view="pageBreakPreview" zoomScale="115" zoomScaleNormal="100" zoomScaleSheetLayoutView="115" workbookViewId="0">
      <selection activeCell="K15" sqref="K15"/>
    </sheetView>
  </sheetViews>
  <sheetFormatPr defaultColWidth="9" defaultRowHeight="13.2" x14ac:dyDescent="0.2"/>
  <cols>
    <col min="1" max="1" width="2.77734375" style="1" customWidth="1"/>
    <col min="2" max="2" width="1.21875" style="1" customWidth="1"/>
    <col min="3" max="3" width="2.33203125" style="1" customWidth="1"/>
    <col min="4" max="4" width="15" style="1" customWidth="1"/>
    <col min="5" max="5" width="1" style="1" customWidth="1"/>
    <col min="6" max="7" width="14.44140625" style="1" bestFit="1" customWidth="1"/>
    <col min="8" max="8" width="18" style="1" bestFit="1" customWidth="1"/>
    <col min="9" max="9" width="13.109375" style="1" bestFit="1" customWidth="1"/>
    <col min="10" max="10" width="12.6640625" style="1" bestFit="1" customWidth="1"/>
    <col min="11" max="11" width="13.88671875" style="1" customWidth="1"/>
    <col min="12" max="12" width="20.109375" style="1" customWidth="1"/>
    <col min="13" max="16384" width="9" style="1"/>
  </cols>
  <sheetData>
    <row r="1" spans="2:12" ht="17.25" customHeight="1" x14ac:dyDescent="0.2">
      <c r="B1" s="81" t="s">
        <v>0</v>
      </c>
      <c r="C1" s="81"/>
      <c r="D1" s="81"/>
      <c r="E1" s="81"/>
      <c r="F1" s="81"/>
      <c r="G1" s="81"/>
      <c r="H1" s="81"/>
      <c r="I1" s="81"/>
      <c r="J1" s="81"/>
      <c r="K1" s="81"/>
    </row>
    <row r="2" spans="2:12" ht="24.75" customHeight="1" thickBot="1" x14ac:dyDescent="0.25">
      <c r="J2" s="2"/>
      <c r="K2" s="3" t="s">
        <v>1</v>
      </c>
      <c r="L2" s="4"/>
    </row>
    <row r="3" spans="2:12" s="12" customFormat="1" ht="23.25" customHeight="1" thickBot="1" x14ac:dyDescent="0.25">
      <c r="B3" s="5"/>
      <c r="C3" s="82" t="s">
        <v>2</v>
      </c>
      <c r="D3" s="82"/>
      <c r="E3" s="6"/>
      <c r="F3" s="7" t="s">
        <v>3</v>
      </c>
      <c r="G3" s="8" t="s">
        <v>4</v>
      </c>
      <c r="H3" s="7" t="s">
        <v>5</v>
      </c>
      <c r="I3" s="9" t="s">
        <v>6</v>
      </c>
      <c r="J3" s="8" t="s">
        <v>7</v>
      </c>
      <c r="K3" s="10" t="s">
        <v>8</v>
      </c>
      <c r="L3" s="11"/>
    </row>
    <row r="4" spans="2:12" ht="14.25" customHeight="1" x14ac:dyDescent="0.2">
      <c r="B4" s="13"/>
      <c r="C4" s="80" t="s">
        <v>9</v>
      </c>
      <c r="D4" s="80"/>
      <c r="E4" s="14"/>
      <c r="F4" s="15">
        <v>200883</v>
      </c>
      <c r="G4" s="16">
        <v>27</v>
      </c>
      <c r="H4" s="15">
        <v>200910</v>
      </c>
      <c r="I4" s="17">
        <v>159773</v>
      </c>
      <c r="J4" s="16">
        <v>41137</v>
      </c>
      <c r="K4" s="18">
        <v>1.2574715377441745</v>
      </c>
    </row>
    <row r="5" spans="2:12" ht="14.25" customHeight="1" x14ac:dyDescent="0.2">
      <c r="B5" s="19"/>
      <c r="C5" s="20"/>
      <c r="D5" s="21" t="s">
        <v>10</v>
      </c>
      <c r="E5" s="22"/>
      <c r="F5" s="23">
        <v>12317</v>
      </c>
      <c r="G5" s="24">
        <v>1</v>
      </c>
      <c r="H5" s="15">
        <v>12318</v>
      </c>
      <c r="I5" s="25">
        <v>9702</v>
      </c>
      <c r="J5" s="16">
        <v>2616</v>
      </c>
      <c r="K5" s="18">
        <v>1.269635126777984</v>
      </c>
      <c r="L5" s="26"/>
    </row>
    <row r="6" spans="2:12" ht="14.4" x14ac:dyDescent="0.2">
      <c r="B6" s="19"/>
      <c r="C6" s="20"/>
      <c r="D6" s="21" t="s">
        <v>11</v>
      </c>
      <c r="E6" s="22"/>
      <c r="F6" s="23">
        <v>9798</v>
      </c>
      <c r="G6" s="24">
        <v>2</v>
      </c>
      <c r="H6" s="15">
        <v>9800</v>
      </c>
      <c r="I6" s="25">
        <v>7306</v>
      </c>
      <c r="J6" s="27">
        <v>2494</v>
      </c>
      <c r="K6" s="18">
        <v>1.341363263071448</v>
      </c>
      <c r="L6" s="26"/>
    </row>
    <row r="7" spans="2:12" ht="14.4" x14ac:dyDescent="0.2">
      <c r="B7" s="19"/>
      <c r="C7" s="20"/>
      <c r="D7" s="21" t="s">
        <v>12</v>
      </c>
      <c r="E7" s="22"/>
      <c r="F7" s="23">
        <v>4968</v>
      </c>
      <c r="G7" s="24">
        <v>1</v>
      </c>
      <c r="H7" s="15">
        <v>4969</v>
      </c>
      <c r="I7" s="25">
        <v>3778</v>
      </c>
      <c r="J7" s="16">
        <v>1191</v>
      </c>
      <c r="K7" s="18">
        <v>1.3152461619904712</v>
      </c>
      <c r="L7" s="26"/>
    </row>
    <row r="8" spans="2:12" ht="14.4" x14ac:dyDescent="0.2">
      <c r="B8" s="19"/>
      <c r="C8" s="20"/>
      <c r="D8" s="21" t="s">
        <v>13</v>
      </c>
      <c r="E8" s="22"/>
      <c r="F8" s="23">
        <v>6602</v>
      </c>
      <c r="G8" s="24">
        <v>4</v>
      </c>
      <c r="H8" s="15">
        <v>6606</v>
      </c>
      <c r="I8" s="25">
        <v>4862</v>
      </c>
      <c r="J8" s="16">
        <v>1744</v>
      </c>
      <c r="K8" s="18">
        <v>1.3587001234060057</v>
      </c>
      <c r="L8" s="26"/>
    </row>
    <row r="9" spans="2:12" ht="14.4" x14ac:dyDescent="0.2">
      <c r="B9" s="19"/>
      <c r="C9" s="20"/>
      <c r="D9" s="21" t="s">
        <v>14</v>
      </c>
      <c r="E9" s="22"/>
      <c r="F9" s="23">
        <v>9686</v>
      </c>
      <c r="G9" s="24">
        <v>0</v>
      </c>
      <c r="H9" s="15">
        <v>9686</v>
      </c>
      <c r="I9" s="25">
        <v>7664</v>
      </c>
      <c r="J9" s="16">
        <v>2022</v>
      </c>
      <c r="K9" s="18">
        <v>1.2638308977035491</v>
      </c>
      <c r="L9" s="26"/>
    </row>
    <row r="10" spans="2:12" ht="14.4" x14ac:dyDescent="0.2">
      <c r="B10" s="19"/>
      <c r="C10" s="20"/>
      <c r="D10" s="21" t="s">
        <v>15</v>
      </c>
      <c r="E10" s="22"/>
      <c r="F10" s="23">
        <v>13752</v>
      </c>
      <c r="G10" s="24">
        <v>0</v>
      </c>
      <c r="H10" s="15">
        <v>13752</v>
      </c>
      <c r="I10" s="25">
        <v>11582</v>
      </c>
      <c r="J10" s="16">
        <v>2170</v>
      </c>
      <c r="K10" s="18">
        <v>1.1873596960801243</v>
      </c>
      <c r="L10" s="26"/>
    </row>
    <row r="11" spans="2:12" ht="14.25" customHeight="1" x14ac:dyDescent="0.2">
      <c r="B11" s="19"/>
      <c r="C11" s="20"/>
      <c r="D11" s="28" t="s">
        <v>16</v>
      </c>
      <c r="E11" s="29"/>
      <c r="F11" s="23">
        <v>11308</v>
      </c>
      <c r="G11" s="24">
        <v>0</v>
      </c>
      <c r="H11" s="15">
        <v>11308</v>
      </c>
      <c r="I11" s="25">
        <v>9100</v>
      </c>
      <c r="J11" s="16">
        <v>2208</v>
      </c>
      <c r="K11" s="18">
        <v>1.2426373626373626</v>
      </c>
      <c r="L11" s="26"/>
    </row>
    <row r="12" spans="2:12" ht="14.25" customHeight="1" x14ac:dyDescent="0.2">
      <c r="B12" s="19"/>
      <c r="C12" s="20"/>
      <c r="D12" s="21" t="s">
        <v>17</v>
      </c>
      <c r="E12" s="22"/>
      <c r="F12" s="30">
        <v>12938</v>
      </c>
      <c r="G12" s="31">
        <v>1</v>
      </c>
      <c r="H12" s="15">
        <v>12939</v>
      </c>
      <c r="I12" s="25">
        <v>11491</v>
      </c>
      <c r="J12" s="16">
        <v>1448</v>
      </c>
      <c r="K12" s="18">
        <v>1.1260116613001478</v>
      </c>
      <c r="L12" s="26"/>
    </row>
    <row r="13" spans="2:12" ht="14.25" customHeight="1" x14ac:dyDescent="0.2">
      <c r="B13" s="19"/>
      <c r="C13" s="20"/>
      <c r="D13" s="21" t="s">
        <v>18</v>
      </c>
      <c r="E13" s="22"/>
      <c r="F13" s="23">
        <v>9829</v>
      </c>
      <c r="G13" s="24">
        <v>1</v>
      </c>
      <c r="H13" s="15">
        <v>9830</v>
      </c>
      <c r="I13" s="25">
        <v>8567</v>
      </c>
      <c r="J13" s="16">
        <v>1263</v>
      </c>
      <c r="K13" s="18">
        <v>1.1474261701879305</v>
      </c>
      <c r="L13" s="26"/>
    </row>
    <row r="14" spans="2:12" ht="14.25" customHeight="1" x14ac:dyDescent="0.2">
      <c r="B14" s="19"/>
      <c r="C14" s="20"/>
      <c r="D14" s="21" t="s">
        <v>19</v>
      </c>
      <c r="E14" s="22"/>
      <c r="F14" s="23">
        <v>12990</v>
      </c>
      <c r="G14" s="24">
        <v>2</v>
      </c>
      <c r="H14" s="15">
        <v>12992</v>
      </c>
      <c r="I14" s="25">
        <v>11783</v>
      </c>
      <c r="J14" s="16">
        <v>1209</v>
      </c>
      <c r="K14" s="18">
        <v>1.1026054485275396</v>
      </c>
      <c r="L14" s="26"/>
    </row>
    <row r="15" spans="2:12" ht="14.25" customHeight="1" x14ac:dyDescent="0.2">
      <c r="B15" s="19"/>
      <c r="C15" s="20"/>
      <c r="D15" s="21" t="s">
        <v>20</v>
      </c>
      <c r="E15" s="22"/>
      <c r="F15" s="23">
        <v>13019</v>
      </c>
      <c r="G15" s="24">
        <v>2</v>
      </c>
      <c r="H15" s="15">
        <v>13021</v>
      </c>
      <c r="I15" s="25">
        <v>9790</v>
      </c>
      <c r="J15" s="16">
        <v>3231</v>
      </c>
      <c r="K15" s="18">
        <v>1.3300306435137896</v>
      </c>
      <c r="L15" s="26"/>
    </row>
    <row r="16" spans="2:12" ht="14.4" x14ac:dyDescent="0.2">
      <c r="B16" s="19"/>
      <c r="C16" s="20"/>
      <c r="D16" s="21" t="s">
        <v>21</v>
      </c>
      <c r="E16" s="22"/>
      <c r="F16" s="23">
        <v>10365</v>
      </c>
      <c r="G16" s="24">
        <v>1</v>
      </c>
      <c r="H16" s="15">
        <v>10366</v>
      </c>
      <c r="I16" s="25">
        <v>8135</v>
      </c>
      <c r="J16" s="16">
        <v>2231</v>
      </c>
      <c r="K16" s="18">
        <v>1.2742470805162875</v>
      </c>
      <c r="L16" s="26"/>
    </row>
    <row r="17" spans="2:12" ht="14.25" customHeight="1" x14ac:dyDescent="0.2">
      <c r="B17" s="19"/>
      <c r="C17" s="20"/>
      <c r="D17" s="21" t="s">
        <v>22</v>
      </c>
      <c r="E17" s="22"/>
      <c r="F17" s="23">
        <v>13672</v>
      </c>
      <c r="G17" s="24">
        <v>5</v>
      </c>
      <c r="H17" s="15">
        <v>13677</v>
      </c>
      <c r="I17" s="25">
        <v>9555</v>
      </c>
      <c r="J17" s="16">
        <v>4122</v>
      </c>
      <c r="K17" s="18">
        <v>1.431397174254317</v>
      </c>
      <c r="L17" s="26"/>
    </row>
    <row r="18" spans="2:12" ht="14.25" customHeight="1" x14ac:dyDescent="0.2">
      <c r="B18" s="19"/>
      <c r="C18" s="20"/>
      <c r="D18" s="21" t="s">
        <v>23</v>
      </c>
      <c r="E18" s="22"/>
      <c r="F18" s="23">
        <v>13709</v>
      </c>
      <c r="G18" s="24">
        <v>5</v>
      </c>
      <c r="H18" s="15">
        <v>13714</v>
      </c>
      <c r="I18" s="25">
        <v>9251</v>
      </c>
      <c r="J18" s="16">
        <v>4463</v>
      </c>
      <c r="K18" s="18">
        <v>1.4824343314236299</v>
      </c>
      <c r="L18" s="26"/>
    </row>
    <row r="19" spans="2:12" ht="14.25" customHeight="1" x14ac:dyDescent="0.2">
      <c r="B19" s="19"/>
      <c r="C19" s="20"/>
      <c r="D19" s="21" t="s">
        <v>24</v>
      </c>
      <c r="E19" s="22"/>
      <c r="F19" s="23">
        <v>21750</v>
      </c>
      <c r="G19" s="24">
        <v>2</v>
      </c>
      <c r="H19" s="15">
        <v>21752</v>
      </c>
      <c r="I19" s="25">
        <v>17858</v>
      </c>
      <c r="J19" s="16">
        <v>3894</v>
      </c>
      <c r="K19" s="18">
        <v>1.2180535334303952</v>
      </c>
      <c r="L19" s="26"/>
    </row>
    <row r="20" spans="2:12" ht="14.25" customHeight="1" x14ac:dyDescent="0.2">
      <c r="B20" s="19"/>
      <c r="C20" s="20"/>
      <c r="D20" s="21" t="s">
        <v>25</v>
      </c>
      <c r="E20" s="22"/>
      <c r="F20" s="23">
        <v>8170</v>
      </c>
      <c r="G20" s="24">
        <v>0</v>
      </c>
      <c r="H20" s="15">
        <v>8170</v>
      </c>
      <c r="I20" s="25">
        <v>6304</v>
      </c>
      <c r="J20" s="16">
        <v>1866</v>
      </c>
      <c r="K20" s="18">
        <v>1.296002538071066</v>
      </c>
      <c r="L20" s="26"/>
    </row>
    <row r="21" spans="2:12" ht="14.25" customHeight="1" x14ac:dyDescent="0.2">
      <c r="B21" s="19"/>
      <c r="C21" s="20"/>
      <c r="D21" s="21" t="s">
        <v>26</v>
      </c>
      <c r="E21" s="22"/>
      <c r="F21" s="23">
        <v>9234</v>
      </c>
      <c r="G21" s="24">
        <v>0</v>
      </c>
      <c r="H21" s="15">
        <v>9234</v>
      </c>
      <c r="I21" s="25">
        <v>7584</v>
      </c>
      <c r="J21" s="16">
        <v>1650</v>
      </c>
      <c r="K21" s="18">
        <v>1.2175632911392404</v>
      </c>
      <c r="L21" s="26"/>
    </row>
    <row r="22" spans="2:12" ht="14.25" customHeight="1" x14ac:dyDescent="0.2">
      <c r="B22" s="19"/>
      <c r="C22" s="20"/>
      <c r="D22" s="21" t="s">
        <v>27</v>
      </c>
      <c r="E22" s="22"/>
      <c r="F22" s="23">
        <v>6776</v>
      </c>
      <c r="G22" s="24">
        <v>0</v>
      </c>
      <c r="H22" s="15">
        <v>6776</v>
      </c>
      <c r="I22" s="25">
        <v>5461</v>
      </c>
      <c r="J22" s="16">
        <v>1315</v>
      </c>
      <c r="K22" s="18">
        <v>1.2407983885735214</v>
      </c>
      <c r="L22" s="26"/>
    </row>
    <row r="23" spans="2:12" ht="14.25" customHeight="1" x14ac:dyDescent="0.2">
      <c r="B23" s="19"/>
      <c r="C23" s="75" t="s">
        <v>28</v>
      </c>
      <c r="D23" s="75"/>
      <c r="E23" s="29"/>
      <c r="F23" s="23">
        <v>91120</v>
      </c>
      <c r="G23" s="24">
        <v>17</v>
      </c>
      <c r="H23" s="15">
        <v>91137</v>
      </c>
      <c r="I23" s="32">
        <v>69344</v>
      </c>
      <c r="J23" s="16">
        <v>21793</v>
      </c>
      <c r="K23" s="18">
        <v>1.3142737655745269</v>
      </c>
      <c r="L23" s="26"/>
    </row>
    <row r="24" spans="2:12" ht="14.4" x14ac:dyDescent="0.2">
      <c r="B24" s="19"/>
      <c r="C24" s="20"/>
      <c r="D24" s="21" t="s">
        <v>29</v>
      </c>
      <c r="E24" s="22"/>
      <c r="F24" s="23">
        <v>12631</v>
      </c>
      <c r="G24" s="24">
        <v>2</v>
      </c>
      <c r="H24" s="15">
        <v>12633</v>
      </c>
      <c r="I24" s="25">
        <v>9635</v>
      </c>
      <c r="J24" s="16">
        <v>2998</v>
      </c>
      <c r="K24" s="18">
        <v>1.3111572392319668</v>
      </c>
      <c r="L24" s="26"/>
    </row>
    <row r="25" spans="2:12" ht="14.4" x14ac:dyDescent="0.2">
      <c r="B25" s="19"/>
      <c r="C25" s="20"/>
      <c r="D25" s="21" t="s">
        <v>30</v>
      </c>
      <c r="E25" s="22"/>
      <c r="F25" s="23">
        <v>9810</v>
      </c>
      <c r="G25" s="24">
        <v>0</v>
      </c>
      <c r="H25" s="15">
        <v>9810</v>
      </c>
      <c r="I25" s="25">
        <v>7021</v>
      </c>
      <c r="J25" s="16">
        <v>2789</v>
      </c>
      <c r="K25" s="18">
        <v>1.3972368608460333</v>
      </c>
      <c r="L25" s="26"/>
    </row>
    <row r="26" spans="2:12" ht="14.4" x14ac:dyDescent="0.2">
      <c r="B26" s="19"/>
      <c r="C26" s="20"/>
      <c r="D26" s="21" t="s">
        <v>31</v>
      </c>
      <c r="E26" s="22"/>
      <c r="F26" s="23">
        <v>14571</v>
      </c>
      <c r="G26" s="24">
        <v>5</v>
      </c>
      <c r="H26" s="15">
        <v>14576</v>
      </c>
      <c r="I26" s="25">
        <v>9961</v>
      </c>
      <c r="J26" s="16">
        <v>4615</v>
      </c>
      <c r="K26" s="18">
        <v>1.4633068968979017</v>
      </c>
      <c r="L26" s="26"/>
    </row>
    <row r="27" spans="2:12" ht="14.4" x14ac:dyDescent="0.2">
      <c r="B27" s="19"/>
      <c r="C27" s="20"/>
      <c r="D27" s="21" t="s">
        <v>32</v>
      </c>
      <c r="E27" s="22"/>
      <c r="F27" s="23">
        <v>13300</v>
      </c>
      <c r="G27" s="24">
        <v>2</v>
      </c>
      <c r="H27" s="15">
        <v>13302</v>
      </c>
      <c r="I27" s="25">
        <v>10431</v>
      </c>
      <c r="J27" s="16">
        <v>2871</v>
      </c>
      <c r="K27" s="18">
        <v>1.275237273511648</v>
      </c>
      <c r="L27" s="26"/>
    </row>
    <row r="28" spans="2:12" ht="14.4" x14ac:dyDescent="0.2">
      <c r="B28" s="19"/>
      <c r="C28" s="20"/>
      <c r="D28" s="21" t="s">
        <v>33</v>
      </c>
      <c r="E28" s="22"/>
      <c r="F28" s="23">
        <v>14488</v>
      </c>
      <c r="G28" s="24">
        <v>2</v>
      </c>
      <c r="H28" s="15">
        <v>14490</v>
      </c>
      <c r="I28" s="25">
        <v>11641</v>
      </c>
      <c r="J28" s="16">
        <v>2849</v>
      </c>
      <c r="K28" s="18">
        <v>1.2447384245339748</v>
      </c>
      <c r="L28" s="26"/>
    </row>
    <row r="29" spans="2:12" ht="14.4" x14ac:dyDescent="0.2">
      <c r="B29" s="19"/>
      <c r="C29" s="20"/>
      <c r="D29" s="21" t="s">
        <v>34</v>
      </c>
      <c r="E29" s="22"/>
      <c r="F29" s="23">
        <v>13329</v>
      </c>
      <c r="G29" s="24">
        <v>3</v>
      </c>
      <c r="H29" s="15">
        <v>13332</v>
      </c>
      <c r="I29" s="25">
        <v>10138</v>
      </c>
      <c r="J29" s="16">
        <v>3194</v>
      </c>
      <c r="K29" s="18">
        <v>1.3150522785559282</v>
      </c>
      <c r="L29" s="26"/>
    </row>
    <row r="30" spans="2:12" ht="14.25" customHeight="1" x14ac:dyDescent="0.2">
      <c r="B30" s="19"/>
      <c r="C30" s="20"/>
      <c r="D30" s="21" t="s">
        <v>35</v>
      </c>
      <c r="E30" s="22"/>
      <c r="F30" s="23">
        <v>12991</v>
      </c>
      <c r="G30" s="24">
        <v>3</v>
      </c>
      <c r="H30" s="15">
        <v>12994</v>
      </c>
      <c r="I30" s="25">
        <v>10517</v>
      </c>
      <c r="J30" s="16">
        <v>2477</v>
      </c>
      <c r="K30" s="18">
        <v>1.2355234382428448</v>
      </c>
      <c r="L30" s="26"/>
    </row>
    <row r="31" spans="2:12" ht="14.25" customHeight="1" x14ac:dyDescent="0.2">
      <c r="B31" s="33"/>
      <c r="C31" s="75" t="s">
        <v>36</v>
      </c>
      <c r="D31" s="75"/>
      <c r="E31" s="29"/>
      <c r="F31" s="23">
        <v>29087</v>
      </c>
      <c r="G31" s="24">
        <v>5</v>
      </c>
      <c r="H31" s="15">
        <v>29092</v>
      </c>
      <c r="I31" s="34">
        <v>13414</v>
      </c>
      <c r="J31" s="16">
        <v>15678</v>
      </c>
      <c r="K31" s="35">
        <v>2.1687788877292382</v>
      </c>
      <c r="L31" s="26"/>
    </row>
    <row r="32" spans="2:12" ht="14.25" customHeight="1" x14ac:dyDescent="0.2">
      <c r="B32" s="33"/>
      <c r="C32" s="20"/>
      <c r="D32" s="21" t="s">
        <v>37</v>
      </c>
      <c r="E32" s="22"/>
      <c r="F32" s="23">
        <v>7165</v>
      </c>
      <c r="G32" s="24">
        <v>1</v>
      </c>
      <c r="H32" s="15">
        <v>7166</v>
      </c>
      <c r="I32" s="36">
        <v>3874</v>
      </c>
      <c r="J32" s="37">
        <v>3292</v>
      </c>
      <c r="K32" s="35">
        <v>1.8497676819824471</v>
      </c>
      <c r="L32" s="26"/>
    </row>
    <row r="33" spans="2:12" ht="14.25" customHeight="1" x14ac:dyDescent="0.2">
      <c r="B33" s="33"/>
      <c r="C33" s="20"/>
      <c r="D33" s="21" t="s">
        <v>38</v>
      </c>
      <c r="E33" s="22"/>
      <c r="F33" s="23">
        <v>10865</v>
      </c>
      <c r="G33" s="24">
        <v>0</v>
      </c>
      <c r="H33" s="15">
        <v>10865</v>
      </c>
      <c r="I33" s="36">
        <v>4666</v>
      </c>
      <c r="J33" s="37">
        <v>6199</v>
      </c>
      <c r="K33" s="35">
        <v>2.3285469352764681</v>
      </c>
      <c r="L33" s="26"/>
    </row>
    <row r="34" spans="2:12" ht="14.25" customHeight="1" x14ac:dyDescent="0.2">
      <c r="B34" s="33"/>
      <c r="C34" s="20"/>
      <c r="D34" s="21" t="s">
        <v>39</v>
      </c>
      <c r="E34" s="22"/>
      <c r="F34" s="23">
        <v>11057</v>
      </c>
      <c r="G34" s="24">
        <v>4</v>
      </c>
      <c r="H34" s="15">
        <v>11061</v>
      </c>
      <c r="I34" s="36">
        <v>4874</v>
      </c>
      <c r="J34" s="37">
        <v>6187</v>
      </c>
      <c r="K34" s="35">
        <v>2.2693885925318016</v>
      </c>
      <c r="L34" s="26"/>
    </row>
    <row r="35" spans="2:12" ht="14.25" customHeight="1" x14ac:dyDescent="0.2">
      <c r="B35" s="19"/>
      <c r="C35" s="75" t="s">
        <v>40</v>
      </c>
      <c r="D35" s="75"/>
      <c r="E35" s="29"/>
      <c r="F35" s="23">
        <v>29896</v>
      </c>
      <c r="G35" s="24">
        <v>5</v>
      </c>
      <c r="H35" s="15">
        <v>29901</v>
      </c>
      <c r="I35" s="25">
        <v>25632</v>
      </c>
      <c r="J35" s="16">
        <v>4269</v>
      </c>
      <c r="K35" s="18">
        <v>1.1665496254681649</v>
      </c>
      <c r="L35" s="26"/>
    </row>
    <row r="36" spans="2:12" ht="14.25" customHeight="1" x14ac:dyDescent="0.2">
      <c r="B36" s="19"/>
      <c r="C36" s="75" t="s">
        <v>41</v>
      </c>
      <c r="D36" s="75"/>
      <c r="E36" s="29"/>
      <c r="F36" s="23">
        <v>11976</v>
      </c>
      <c r="G36" s="24">
        <v>1</v>
      </c>
      <c r="H36" s="15">
        <v>11977</v>
      </c>
      <c r="I36" s="25">
        <v>8285</v>
      </c>
      <c r="J36" s="16">
        <v>3692</v>
      </c>
      <c r="K36" s="18">
        <v>1.4456246228123113</v>
      </c>
      <c r="L36" s="26"/>
    </row>
    <row r="37" spans="2:12" ht="14.25" customHeight="1" x14ac:dyDescent="0.2">
      <c r="B37" s="19"/>
      <c r="C37" s="75" t="s">
        <v>42</v>
      </c>
      <c r="D37" s="75"/>
      <c r="E37" s="29"/>
      <c r="F37" s="23">
        <v>8452</v>
      </c>
      <c r="G37" s="24">
        <v>2</v>
      </c>
      <c r="H37" s="15">
        <v>8454</v>
      </c>
      <c r="I37" s="25">
        <v>6712</v>
      </c>
      <c r="J37" s="16">
        <v>1742</v>
      </c>
      <c r="K37" s="18">
        <v>1.2595351609058403</v>
      </c>
      <c r="L37" s="26"/>
    </row>
    <row r="38" spans="2:12" ht="14.25" customHeight="1" x14ac:dyDescent="0.2">
      <c r="B38" s="19"/>
      <c r="C38" s="75" t="s">
        <v>43</v>
      </c>
      <c r="D38" s="75"/>
      <c r="E38" s="29"/>
      <c r="F38" s="23">
        <v>21324</v>
      </c>
      <c r="G38" s="24">
        <v>4</v>
      </c>
      <c r="H38" s="15">
        <v>21328</v>
      </c>
      <c r="I38" s="25">
        <v>15462</v>
      </c>
      <c r="J38" s="16">
        <v>5866</v>
      </c>
      <c r="K38" s="18">
        <v>1.3793817099987065</v>
      </c>
      <c r="L38" s="26"/>
    </row>
    <row r="39" spans="2:12" ht="14.25" customHeight="1" x14ac:dyDescent="0.2">
      <c r="B39" s="19"/>
      <c r="C39" s="75" t="s">
        <v>44</v>
      </c>
      <c r="D39" s="75"/>
      <c r="E39" s="29"/>
      <c r="F39" s="23">
        <v>12104</v>
      </c>
      <c r="G39" s="24">
        <v>0</v>
      </c>
      <c r="H39" s="15">
        <v>12104</v>
      </c>
      <c r="I39" s="25">
        <v>9164</v>
      </c>
      <c r="J39" s="16">
        <v>2940</v>
      </c>
      <c r="K39" s="18">
        <v>1.3208206023570492</v>
      </c>
      <c r="L39" s="26"/>
    </row>
    <row r="40" spans="2:12" ht="14.25" customHeight="1" x14ac:dyDescent="0.2">
      <c r="B40" s="19"/>
      <c r="C40" s="75" t="s">
        <v>45</v>
      </c>
      <c r="D40" s="75"/>
      <c r="E40" s="29"/>
      <c r="F40" s="23">
        <v>10952</v>
      </c>
      <c r="G40" s="24">
        <v>2</v>
      </c>
      <c r="H40" s="15">
        <v>10954</v>
      </c>
      <c r="I40" s="25">
        <v>8951</v>
      </c>
      <c r="J40" s="16">
        <v>2003</v>
      </c>
      <c r="K40" s="18">
        <v>1.2237738800134064</v>
      </c>
      <c r="L40" s="26"/>
    </row>
    <row r="41" spans="2:12" ht="14.25" customHeight="1" x14ac:dyDescent="0.2">
      <c r="B41" s="19"/>
      <c r="C41" s="75" t="s">
        <v>46</v>
      </c>
      <c r="D41" s="75"/>
      <c r="E41" s="29"/>
      <c r="F41" s="23">
        <v>4771</v>
      </c>
      <c r="G41" s="24">
        <v>0</v>
      </c>
      <c r="H41" s="15">
        <v>4771</v>
      </c>
      <c r="I41" s="25">
        <v>3885</v>
      </c>
      <c r="J41" s="16">
        <v>886</v>
      </c>
      <c r="K41" s="18">
        <v>1.2280566280566281</v>
      </c>
      <c r="L41" s="26"/>
    </row>
    <row r="42" spans="2:12" ht="14.25" customHeight="1" x14ac:dyDescent="0.2">
      <c r="B42" s="19"/>
      <c r="C42" s="75" t="s">
        <v>47</v>
      </c>
      <c r="D42" s="75"/>
      <c r="E42" s="29"/>
      <c r="F42" s="23">
        <v>2943</v>
      </c>
      <c r="G42" s="24">
        <v>0</v>
      </c>
      <c r="H42" s="15">
        <v>2943</v>
      </c>
      <c r="I42" s="25">
        <v>2413</v>
      </c>
      <c r="J42" s="27">
        <v>530</v>
      </c>
      <c r="K42" s="18">
        <v>1.2196435971819313</v>
      </c>
      <c r="L42" s="26"/>
    </row>
    <row r="43" spans="2:12" ht="14.25" customHeight="1" x14ac:dyDescent="0.2">
      <c r="B43" s="19"/>
      <c r="C43" s="75" t="s">
        <v>48</v>
      </c>
      <c r="D43" s="75"/>
      <c r="E43" s="29"/>
      <c r="F43" s="23">
        <v>5666</v>
      </c>
      <c r="G43" s="24">
        <v>0</v>
      </c>
      <c r="H43" s="15">
        <v>5666</v>
      </c>
      <c r="I43" s="25">
        <v>4100</v>
      </c>
      <c r="J43" s="16">
        <v>1566</v>
      </c>
      <c r="K43" s="18">
        <v>1.381951219512195</v>
      </c>
      <c r="L43" s="26"/>
    </row>
    <row r="44" spans="2:12" ht="14.25" customHeight="1" x14ac:dyDescent="0.2">
      <c r="B44" s="19"/>
      <c r="C44" s="75" t="s">
        <v>49</v>
      </c>
      <c r="D44" s="75"/>
      <c r="E44" s="29"/>
      <c r="F44" s="23">
        <v>6777</v>
      </c>
      <c r="G44" s="24">
        <v>1</v>
      </c>
      <c r="H44" s="15">
        <v>6778</v>
      </c>
      <c r="I44" s="25">
        <v>5807</v>
      </c>
      <c r="J44" s="16">
        <v>971</v>
      </c>
      <c r="K44" s="18">
        <v>1.1672119855346994</v>
      </c>
      <c r="L44" s="26"/>
    </row>
    <row r="45" spans="2:12" ht="14.25" customHeight="1" x14ac:dyDescent="0.2">
      <c r="B45" s="19"/>
      <c r="C45" s="75" t="s">
        <v>50</v>
      </c>
      <c r="D45" s="75"/>
      <c r="E45" s="29"/>
      <c r="F45" s="23">
        <v>11912</v>
      </c>
      <c r="G45" s="24">
        <v>0</v>
      </c>
      <c r="H45" s="15">
        <v>11912</v>
      </c>
      <c r="I45" s="25">
        <v>9210</v>
      </c>
      <c r="J45" s="16">
        <v>2702</v>
      </c>
      <c r="K45" s="18">
        <v>1.2933767643865364</v>
      </c>
      <c r="L45" s="26"/>
    </row>
    <row r="46" spans="2:12" ht="15" customHeight="1" x14ac:dyDescent="0.2">
      <c r="B46" s="19"/>
      <c r="C46" s="75" t="s">
        <v>51</v>
      </c>
      <c r="D46" s="75"/>
      <c r="E46" s="29"/>
      <c r="F46" s="23">
        <v>5705</v>
      </c>
      <c r="G46" s="24">
        <v>0</v>
      </c>
      <c r="H46" s="15">
        <v>5705</v>
      </c>
      <c r="I46" s="34">
        <v>4224</v>
      </c>
      <c r="J46" s="16">
        <v>1481</v>
      </c>
      <c r="K46" s="18">
        <v>1.3506155303030303</v>
      </c>
      <c r="L46" s="26"/>
    </row>
    <row r="47" spans="2:12" ht="15" customHeight="1" x14ac:dyDescent="0.2">
      <c r="B47" s="19"/>
      <c r="C47" s="75" t="s">
        <v>52</v>
      </c>
      <c r="D47" s="75"/>
      <c r="E47" s="29"/>
      <c r="F47" s="23">
        <v>7728</v>
      </c>
      <c r="G47" s="24">
        <v>0</v>
      </c>
      <c r="H47" s="15">
        <v>7728</v>
      </c>
      <c r="I47" s="34">
        <v>5351</v>
      </c>
      <c r="J47" s="16">
        <v>2377</v>
      </c>
      <c r="K47" s="18">
        <v>1.4442160343860961</v>
      </c>
      <c r="L47" s="26"/>
    </row>
    <row r="48" spans="2:12" ht="14.4" x14ac:dyDescent="0.2">
      <c r="B48" s="19"/>
      <c r="C48" s="75" t="s">
        <v>53</v>
      </c>
      <c r="D48" s="75"/>
      <c r="E48" s="29"/>
      <c r="F48" s="23">
        <v>7127</v>
      </c>
      <c r="G48" s="24">
        <v>1</v>
      </c>
      <c r="H48" s="15">
        <v>7128</v>
      </c>
      <c r="I48" s="34">
        <v>5796</v>
      </c>
      <c r="J48" s="27">
        <v>1332</v>
      </c>
      <c r="K48" s="18">
        <v>1.2298136645962734</v>
      </c>
      <c r="L48" s="26"/>
    </row>
    <row r="49" spans="2:12" ht="14.25" customHeight="1" x14ac:dyDescent="0.2">
      <c r="B49" s="19"/>
      <c r="C49" s="75" t="s">
        <v>54</v>
      </c>
      <c r="D49" s="75"/>
      <c r="E49" s="29"/>
      <c r="F49" s="23">
        <v>2516</v>
      </c>
      <c r="G49" s="24">
        <v>0</v>
      </c>
      <c r="H49" s="15">
        <v>2516</v>
      </c>
      <c r="I49" s="34">
        <v>2073</v>
      </c>
      <c r="J49" s="27">
        <v>443</v>
      </c>
      <c r="K49" s="18">
        <v>1.2136999517607332</v>
      </c>
      <c r="L49" s="26"/>
    </row>
    <row r="50" spans="2:12" ht="15" thickBot="1" x14ac:dyDescent="0.25">
      <c r="B50" s="38"/>
      <c r="C50" s="79" t="s">
        <v>55</v>
      </c>
      <c r="D50" s="79"/>
      <c r="E50" s="39"/>
      <c r="F50" s="40">
        <v>5523</v>
      </c>
      <c r="G50" s="41">
        <v>0</v>
      </c>
      <c r="H50" s="26">
        <v>5523</v>
      </c>
      <c r="I50" s="42">
        <v>4262</v>
      </c>
      <c r="J50" s="43">
        <v>1261</v>
      </c>
      <c r="K50" s="44">
        <v>1.2958704833411543</v>
      </c>
      <c r="L50" s="26"/>
    </row>
    <row r="51" spans="2:12" ht="14.25" customHeight="1" thickTop="1" x14ac:dyDescent="0.2">
      <c r="B51" s="45"/>
      <c r="C51" s="80" t="s">
        <v>56</v>
      </c>
      <c r="D51" s="80"/>
      <c r="E51" s="14"/>
      <c r="F51" s="46">
        <v>1924</v>
      </c>
      <c r="G51" s="47">
        <v>3</v>
      </c>
      <c r="H51" s="48">
        <v>1927</v>
      </c>
      <c r="I51" s="49">
        <v>1368</v>
      </c>
      <c r="J51" s="47">
        <v>559</v>
      </c>
      <c r="K51" s="50">
        <v>1.4086257309941521</v>
      </c>
      <c r="L51" s="26"/>
    </row>
    <row r="52" spans="2:12" ht="14.25" customHeight="1" x14ac:dyDescent="0.2">
      <c r="B52" s="33"/>
      <c r="C52" s="75" t="s">
        <v>57</v>
      </c>
      <c r="D52" s="75"/>
      <c r="E52" s="29"/>
      <c r="F52" s="51">
        <v>2954</v>
      </c>
      <c r="G52" s="24">
        <v>0</v>
      </c>
      <c r="H52" s="15">
        <v>2954</v>
      </c>
      <c r="I52" s="34">
        <v>2252</v>
      </c>
      <c r="J52" s="16">
        <v>702</v>
      </c>
      <c r="K52" s="18">
        <v>1.3117229129662522</v>
      </c>
      <c r="L52" s="26"/>
    </row>
    <row r="53" spans="2:12" ht="14.4" x14ac:dyDescent="0.2">
      <c r="B53" s="19"/>
      <c r="C53" s="75" t="s">
        <v>58</v>
      </c>
      <c r="D53" s="75"/>
      <c r="E53" s="29"/>
      <c r="F53" s="51">
        <v>3553</v>
      </c>
      <c r="G53" s="24">
        <v>0</v>
      </c>
      <c r="H53" s="15">
        <v>3553</v>
      </c>
      <c r="I53" s="32">
        <v>2371</v>
      </c>
      <c r="J53" s="16">
        <v>1182</v>
      </c>
      <c r="K53" s="18">
        <v>1.4985238296077605</v>
      </c>
      <c r="L53" s="26"/>
    </row>
    <row r="54" spans="2:12" ht="14.4" x14ac:dyDescent="0.2">
      <c r="B54" s="19"/>
      <c r="C54" s="20"/>
      <c r="D54" s="21" t="s">
        <v>59</v>
      </c>
      <c r="E54" s="22"/>
      <c r="F54" s="51">
        <v>1673</v>
      </c>
      <c r="G54" s="24">
        <v>0</v>
      </c>
      <c r="H54" s="15">
        <v>1673</v>
      </c>
      <c r="I54" s="34">
        <v>1173</v>
      </c>
      <c r="J54" s="27">
        <v>500</v>
      </c>
      <c r="K54" s="18">
        <v>1.4262574595055413</v>
      </c>
      <c r="L54" s="26"/>
    </row>
    <row r="55" spans="2:12" ht="14.4" x14ac:dyDescent="0.2">
      <c r="B55" s="19"/>
      <c r="C55" s="20"/>
      <c r="D55" s="21" t="s">
        <v>60</v>
      </c>
      <c r="E55" s="22"/>
      <c r="F55" s="51">
        <v>1880</v>
      </c>
      <c r="G55" s="24">
        <v>0</v>
      </c>
      <c r="H55" s="15">
        <v>1880</v>
      </c>
      <c r="I55" s="34">
        <v>1198</v>
      </c>
      <c r="J55" s="16">
        <v>682</v>
      </c>
      <c r="K55" s="18">
        <v>1.5692821368948247</v>
      </c>
      <c r="L55" s="26"/>
    </row>
    <row r="56" spans="2:12" ht="14.4" x14ac:dyDescent="0.2">
      <c r="B56" s="19"/>
      <c r="C56" s="75" t="s">
        <v>61</v>
      </c>
      <c r="D56" s="75"/>
      <c r="E56" s="29"/>
      <c r="F56" s="51">
        <v>3636</v>
      </c>
      <c r="G56" s="24">
        <v>1</v>
      </c>
      <c r="H56" s="15">
        <v>3637</v>
      </c>
      <c r="I56" s="32">
        <v>3161</v>
      </c>
      <c r="J56" s="16">
        <v>476</v>
      </c>
      <c r="K56" s="18">
        <v>1.1505852578298006</v>
      </c>
      <c r="L56" s="26"/>
    </row>
    <row r="57" spans="2:12" ht="14.4" x14ac:dyDescent="0.2">
      <c r="B57" s="19"/>
      <c r="C57" s="20"/>
      <c r="D57" s="21" t="s">
        <v>62</v>
      </c>
      <c r="E57" s="22"/>
      <c r="F57" s="51">
        <v>503</v>
      </c>
      <c r="G57" s="24">
        <v>0</v>
      </c>
      <c r="H57" s="15">
        <v>503</v>
      </c>
      <c r="I57" s="34">
        <v>335</v>
      </c>
      <c r="J57" s="16">
        <v>168</v>
      </c>
      <c r="K57" s="18">
        <v>1.5014925373134329</v>
      </c>
      <c r="L57" s="26"/>
    </row>
    <row r="58" spans="2:12" ht="14.25" customHeight="1" x14ac:dyDescent="0.2">
      <c r="B58" s="19"/>
      <c r="C58" s="20"/>
      <c r="D58" s="21" t="s">
        <v>63</v>
      </c>
      <c r="E58" s="22"/>
      <c r="F58" s="51">
        <v>1090</v>
      </c>
      <c r="G58" s="24">
        <v>0</v>
      </c>
      <c r="H58" s="15">
        <v>1090</v>
      </c>
      <c r="I58" s="34">
        <v>880</v>
      </c>
      <c r="J58" s="16">
        <v>210</v>
      </c>
      <c r="K58" s="18">
        <v>1.2386363636363635</v>
      </c>
      <c r="L58" s="26"/>
    </row>
    <row r="59" spans="2:12" ht="14.4" x14ac:dyDescent="0.2">
      <c r="B59" s="19"/>
      <c r="C59" s="20"/>
      <c r="D59" s="21" t="s">
        <v>64</v>
      </c>
      <c r="E59" s="22"/>
      <c r="F59" s="51">
        <v>580</v>
      </c>
      <c r="G59" s="24">
        <v>0</v>
      </c>
      <c r="H59" s="15">
        <v>580</v>
      </c>
      <c r="I59" s="34">
        <v>563</v>
      </c>
      <c r="J59" s="16">
        <v>17</v>
      </c>
      <c r="K59" s="18">
        <v>1.0301953818827709</v>
      </c>
      <c r="L59" s="26"/>
    </row>
    <row r="60" spans="2:12" ht="14.4" x14ac:dyDescent="0.2">
      <c r="B60" s="19"/>
      <c r="C60" s="20"/>
      <c r="D60" s="21" t="s">
        <v>65</v>
      </c>
      <c r="E60" s="22"/>
      <c r="F60" s="51">
        <v>310</v>
      </c>
      <c r="G60" s="24">
        <v>0</v>
      </c>
      <c r="H60" s="15">
        <v>310</v>
      </c>
      <c r="I60" s="34">
        <v>535</v>
      </c>
      <c r="J60" s="27">
        <v>-225</v>
      </c>
      <c r="K60" s="18">
        <v>0.57943925233644855</v>
      </c>
      <c r="L60" s="26"/>
    </row>
    <row r="61" spans="2:12" ht="14.4" x14ac:dyDescent="0.2">
      <c r="B61" s="19"/>
      <c r="C61" s="20"/>
      <c r="D61" s="21" t="s">
        <v>66</v>
      </c>
      <c r="E61" s="22"/>
      <c r="F61" s="51">
        <v>1153</v>
      </c>
      <c r="G61" s="24">
        <v>1</v>
      </c>
      <c r="H61" s="15">
        <v>1154</v>
      </c>
      <c r="I61" s="34">
        <v>848</v>
      </c>
      <c r="J61" s="16">
        <v>306</v>
      </c>
      <c r="K61" s="18">
        <v>1.3608490566037736</v>
      </c>
      <c r="L61" s="26"/>
    </row>
    <row r="62" spans="2:12" ht="14.25" customHeight="1" x14ac:dyDescent="0.2">
      <c r="B62" s="19"/>
      <c r="C62" s="75" t="s">
        <v>67</v>
      </c>
      <c r="D62" s="75"/>
      <c r="E62" s="29"/>
      <c r="F62" s="51">
        <v>2774</v>
      </c>
      <c r="G62" s="24">
        <v>0</v>
      </c>
      <c r="H62" s="15">
        <v>2774</v>
      </c>
      <c r="I62" s="32">
        <v>2035</v>
      </c>
      <c r="J62" s="16">
        <v>739</v>
      </c>
      <c r="K62" s="18">
        <v>1.3631449631449633</v>
      </c>
      <c r="L62" s="26"/>
    </row>
    <row r="63" spans="2:12" ht="14.4" x14ac:dyDescent="0.2">
      <c r="B63" s="19"/>
      <c r="C63" s="20"/>
      <c r="D63" s="21" t="s">
        <v>68</v>
      </c>
      <c r="E63" s="22"/>
      <c r="F63" s="51">
        <v>427</v>
      </c>
      <c r="G63" s="24">
        <v>0</v>
      </c>
      <c r="H63" s="15">
        <v>427</v>
      </c>
      <c r="I63" s="34">
        <v>402</v>
      </c>
      <c r="J63" s="27">
        <v>25</v>
      </c>
      <c r="K63" s="18">
        <v>1.0621890547263682</v>
      </c>
      <c r="L63" s="26"/>
    </row>
    <row r="64" spans="2:12" ht="14.4" x14ac:dyDescent="0.2">
      <c r="B64" s="19"/>
      <c r="C64" s="20"/>
      <c r="D64" s="21" t="s">
        <v>69</v>
      </c>
      <c r="E64" s="22"/>
      <c r="F64" s="51">
        <v>549</v>
      </c>
      <c r="G64" s="24">
        <v>0</v>
      </c>
      <c r="H64" s="15">
        <v>549</v>
      </c>
      <c r="I64" s="34">
        <v>439</v>
      </c>
      <c r="J64" s="16">
        <v>110</v>
      </c>
      <c r="K64" s="18">
        <v>1.2505694760820045</v>
      </c>
      <c r="L64" s="26"/>
    </row>
    <row r="65" spans="1:12" ht="15" customHeight="1" x14ac:dyDescent="0.2">
      <c r="B65" s="19"/>
      <c r="C65" s="20"/>
      <c r="D65" s="21" t="s">
        <v>70</v>
      </c>
      <c r="E65" s="22"/>
      <c r="F65" s="51">
        <v>1798</v>
      </c>
      <c r="G65" s="24">
        <v>0</v>
      </c>
      <c r="H65" s="15">
        <v>1798</v>
      </c>
      <c r="I65" s="34">
        <v>1194</v>
      </c>
      <c r="J65" s="16">
        <v>604</v>
      </c>
      <c r="K65" s="18">
        <v>1.5058626465661642</v>
      </c>
      <c r="L65" s="26"/>
    </row>
    <row r="66" spans="1:12" ht="14.25" customHeight="1" x14ac:dyDescent="0.2">
      <c r="B66" s="19"/>
      <c r="C66" s="75" t="s">
        <v>71</v>
      </c>
      <c r="D66" s="75"/>
      <c r="E66" s="29"/>
      <c r="F66" s="51">
        <v>2058</v>
      </c>
      <c r="G66" s="24">
        <v>0</v>
      </c>
      <c r="H66" s="15">
        <v>2058</v>
      </c>
      <c r="I66" s="32">
        <v>1921</v>
      </c>
      <c r="J66" s="27">
        <v>137</v>
      </c>
      <c r="K66" s="18">
        <v>1.0713170223841748</v>
      </c>
      <c r="L66" s="26"/>
    </row>
    <row r="67" spans="1:12" ht="15" customHeight="1" x14ac:dyDescent="0.2">
      <c r="B67" s="19"/>
      <c r="C67" s="20"/>
      <c r="D67" s="21" t="s">
        <v>72</v>
      </c>
      <c r="E67" s="22"/>
      <c r="F67" s="51">
        <v>1803</v>
      </c>
      <c r="G67" s="24">
        <v>0</v>
      </c>
      <c r="H67" s="15">
        <v>1803</v>
      </c>
      <c r="I67" s="34">
        <v>1716</v>
      </c>
      <c r="J67" s="27">
        <v>87</v>
      </c>
      <c r="K67" s="18">
        <v>1.0506993006993006</v>
      </c>
      <c r="L67" s="26"/>
    </row>
    <row r="68" spans="1:12" ht="15" thickBot="1" x14ac:dyDescent="0.25">
      <c r="B68" s="38"/>
      <c r="C68" s="52"/>
      <c r="D68" s="53" t="s">
        <v>73</v>
      </c>
      <c r="E68" s="54"/>
      <c r="F68" s="55">
        <v>255</v>
      </c>
      <c r="G68" s="41">
        <v>0</v>
      </c>
      <c r="H68" s="26">
        <v>255</v>
      </c>
      <c r="I68" s="42">
        <v>205</v>
      </c>
      <c r="J68" s="43">
        <v>50</v>
      </c>
      <c r="K68" s="56">
        <v>1.2439024390243902</v>
      </c>
    </row>
    <row r="69" spans="1:12" ht="15" thickTop="1" x14ac:dyDescent="0.2">
      <c r="B69" s="13"/>
      <c r="C69" s="76" t="s">
        <v>74</v>
      </c>
      <c r="D69" s="76"/>
      <c r="E69" s="57"/>
      <c r="F69" s="58">
        <v>476462</v>
      </c>
      <c r="G69" s="58">
        <v>65</v>
      </c>
      <c r="H69" s="59">
        <v>476527</v>
      </c>
      <c r="I69" s="60">
        <v>363858</v>
      </c>
      <c r="J69" s="47">
        <v>112669</v>
      </c>
      <c r="K69" s="18">
        <v>1.3096510177047089</v>
      </c>
    </row>
    <row r="70" spans="1:12" ht="14.4" x14ac:dyDescent="0.2">
      <c r="B70" s="19"/>
      <c r="C70" s="77" t="s">
        <v>75</v>
      </c>
      <c r="D70" s="77"/>
      <c r="E70" s="22"/>
      <c r="F70" s="23">
        <v>16899</v>
      </c>
      <c r="G70" s="24">
        <v>4</v>
      </c>
      <c r="H70" s="61">
        <v>16903</v>
      </c>
      <c r="I70" s="62">
        <v>13108</v>
      </c>
      <c r="J70" s="16">
        <v>3795</v>
      </c>
      <c r="K70" s="18">
        <v>1.2895178516936223</v>
      </c>
    </row>
    <row r="71" spans="1:12" ht="15" thickBot="1" x14ac:dyDescent="0.25">
      <c r="B71" s="63"/>
      <c r="C71" s="78" t="s">
        <v>76</v>
      </c>
      <c r="D71" s="78"/>
      <c r="E71" s="64"/>
      <c r="F71" s="65">
        <v>493361</v>
      </c>
      <c r="G71" s="66">
        <v>69</v>
      </c>
      <c r="H71" s="67">
        <v>493430</v>
      </c>
      <c r="I71" s="68">
        <v>376966</v>
      </c>
      <c r="J71" s="69">
        <v>116464</v>
      </c>
      <c r="K71" s="70">
        <v>1.3089509398725614</v>
      </c>
    </row>
    <row r="72" spans="1:12" customFormat="1" x14ac:dyDescent="0.2">
      <c r="A72" s="74" t="s">
        <v>77</v>
      </c>
      <c r="B72" s="74"/>
      <c r="C72" s="71"/>
      <c r="D72" s="72" t="s">
        <v>78</v>
      </c>
    </row>
    <row r="73" spans="1:12" customFormat="1" x14ac:dyDescent="0.2">
      <c r="D73" s="72" t="s">
        <v>79</v>
      </c>
      <c r="I73" s="73"/>
      <c r="J73" s="73"/>
      <c r="K73" s="73"/>
    </row>
    <row r="74" spans="1:12" x14ac:dyDescent="0.2">
      <c r="D74" s="72" t="s">
        <v>80</v>
      </c>
    </row>
    <row r="75" spans="1:12" x14ac:dyDescent="0.2">
      <c r="D75" s="72" t="s">
        <v>81</v>
      </c>
    </row>
  </sheetData>
  <mergeCells count="31">
    <mergeCell ref="C41:D41"/>
    <mergeCell ref="B1:K1"/>
    <mergeCell ref="C3:D3"/>
    <mergeCell ref="C4:D4"/>
    <mergeCell ref="C23:D23"/>
    <mergeCell ref="C31:D31"/>
    <mergeCell ref="C35:D35"/>
    <mergeCell ref="C36:D36"/>
    <mergeCell ref="C37:D37"/>
    <mergeCell ref="C38:D38"/>
    <mergeCell ref="C39:D39"/>
    <mergeCell ref="C40:D40"/>
    <mergeCell ref="C53:D53"/>
    <mergeCell ref="C42:D42"/>
    <mergeCell ref="C43:D43"/>
    <mergeCell ref="C44:D44"/>
    <mergeCell ref="C45:D45"/>
    <mergeCell ref="C46:D46"/>
    <mergeCell ref="C47:D47"/>
    <mergeCell ref="C48:D48"/>
    <mergeCell ref="C49:D49"/>
    <mergeCell ref="C50:D50"/>
    <mergeCell ref="C51:D51"/>
    <mergeCell ref="C52:D52"/>
    <mergeCell ref="A72:B72"/>
    <mergeCell ref="C56:D56"/>
    <mergeCell ref="C62:D62"/>
    <mergeCell ref="C66:D66"/>
    <mergeCell ref="C69:D69"/>
    <mergeCell ref="C70:D70"/>
    <mergeCell ref="C71:D71"/>
  </mergeCells>
  <phoneticPr fontId="3"/>
  <printOptions verticalCentered="1"/>
  <pageMargins left="0.9055118110236221" right="0.23622047244094491" top="0.19685039370078741" bottom="0.15748031496062992" header="0.15748031496062992" footer="0.15748031496062992"/>
  <pageSetup paperSize="9" scale="7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Ｒ4.7.3現在</vt:lpstr>
      <vt:lpstr>Ｒ4.7.3現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選管大塚</dc:creator>
  <cp:lastModifiedBy>選管大塚</cp:lastModifiedBy>
  <cp:lastPrinted>2022-07-04T02:55:49Z</cp:lastPrinted>
  <dcterms:created xsi:type="dcterms:W3CDTF">2022-07-04T02:55:43Z</dcterms:created>
  <dcterms:modified xsi:type="dcterms:W3CDTF">2022-07-04T03:05:13Z</dcterms:modified>
</cp:coreProperties>
</file>